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7. Katka\2022_112_Spiroergometrický prístroj pre novootvorené Centrum preventívnej športovej kardiológie\03. Príprava\01. Odoslanie PTK\"/>
    </mc:Choice>
  </mc:AlternateContent>
  <bookViews>
    <workbookView xWindow="0" yWindow="0" windowWidth="23040" windowHeight="9195"/>
  </bookViews>
  <sheets>
    <sheet name="Príloha č.1_kalkulácia ceny" sheetId="9" r:id="rId1"/>
  </sheets>
  <definedNames>
    <definedName name="_xlnm.Print_Area" localSheetId="0">'Príloha č.1_kalkulácia ceny'!$A$1:$S$3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8" uniqueCount="80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pracovných dní</t>
  </si>
  <si>
    <t>Cena servisnej hodiny na mimozáručný servis počas záručnej doby</t>
  </si>
  <si>
    <t>na hodinu</t>
  </si>
  <si>
    <t>zľava</t>
  </si>
  <si>
    <t>Spiroergometrický prístroj pre novootvorené Centrum preventívnej a športovej kardiológie</t>
  </si>
  <si>
    <t>Výška zľavy (v %) z fakturovanej sumy pre položku č.1 , ktorú poskytne dodávateľ v prípade, že objednávateľ uhradí faktúru do 14 dní od jej doručenia (dodávateľ na výšku zľavy vystaví dobropis). Ak takúto zľavu dodávateľ nechce poskytnúť, uvedie 0%.</t>
  </si>
  <si>
    <t>Tabuľka č. 1 - Kalkulácia ceny</t>
  </si>
  <si>
    <t>3.</t>
  </si>
  <si>
    <t>celok</t>
  </si>
  <si>
    <t>Tvárové masky - opakovane použiteľné - veľkosť S</t>
  </si>
  <si>
    <t>Tvárové masky - opakovane použiteľné - veľkosť M</t>
  </si>
  <si>
    <t>4.</t>
  </si>
  <si>
    <t>6.</t>
  </si>
  <si>
    <t>Tvárové masky - opakovane použiteľné - veľkosť L</t>
  </si>
  <si>
    <t>7.</t>
  </si>
  <si>
    <t>8.</t>
  </si>
  <si>
    <t>9.</t>
  </si>
  <si>
    <t>10.</t>
  </si>
  <si>
    <t>Čiapky - opakovane použiteľné L</t>
  </si>
  <si>
    <t>11.</t>
  </si>
  <si>
    <t>12.</t>
  </si>
  <si>
    <t xml:space="preserve">ks </t>
  </si>
  <si>
    <t xml:space="preserve">Jednorazové náustky okrúhle </t>
  </si>
  <si>
    <t>13.</t>
  </si>
  <si>
    <t>14.</t>
  </si>
  <si>
    <t>Náustok s lapačom slín - opakovane použiteľný</t>
  </si>
  <si>
    <t xml:space="preserve">Jednorazové gumenné náustky </t>
  </si>
  <si>
    <t>Jednorazová nosová spona</t>
  </si>
  <si>
    <t>Vzorkovacia hadička na odber vzoriek plynu - opakovateľne použiteľná</t>
  </si>
  <si>
    <t xml:space="preserve">Medicínsky vozík </t>
  </si>
  <si>
    <t>15.</t>
  </si>
  <si>
    <t>16.</t>
  </si>
  <si>
    <t>Čiapky - opakovane použiteľné M</t>
  </si>
  <si>
    <t>EKG</t>
  </si>
  <si>
    <t>2.</t>
  </si>
  <si>
    <t>Bicyklový ergometer</t>
  </si>
  <si>
    <t xml:space="preserve">5. </t>
  </si>
  <si>
    <t>Tlačiareň</t>
  </si>
  <si>
    <t>17.</t>
  </si>
  <si>
    <t>Plynová nádoba 16% O2, 5% CO2, N2 bal</t>
  </si>
  <si>
    <t xml:space="preserve">Termín dodania spiroergometrického prístroja vrátane príslušenstva  </t>
  </si>
  <si>
    <t>Gumenné Čiapky opakovane použiteľné - Veľ. S</t>
  </si>
  <si>
    <t>Náhradná sada pripájacích hadičiek</t>
  </si>
  <si>
    <t>18.</t>
  </si>
  <si>
    <t>19.</t>
  </si>
  <si>
    <t>20.</t>
  </si>
  <si>
    <t>CO2 senzor</t>
  </si>
  <si>
    <t>O2 senzor elektrochemický</t>
  </si>
  <si>
    <t>Tlakomer s automatickým meraním</t>
  </si>
  <si>
    <t>21.</t>
  </si>
  <si>
    <t>PC  s 2 monitormi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\ &quot;EUR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48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auto="1"/>
      </top>
      <bottom/>
      <diagonal/>
    </border>
    <border>
      <left/>
      <right/>
      <top style="thin">
        <color rgb="FFC00000"/>
      </top>
      <bottom/>
      <diagonal/>
    </border>
    <border>
      <left/>
      <right/>
      <top/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03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11" xfId="0" applyFont="1" applyFill="1" applyBorder="1" applyAlignment="1">
      <alignment horizontal="center" vertical="top" wrapText="1"/>
    </xf>
    <xf numFmtId="0" fontId="7" fillId="2" borderId="15" xfId="0" applyFont="1" applyFill="1" applyBorder="1" applyAlignment="1">
      <alignment horizontal="center" vertical="top" wrapText="1"/>
    </xf>
    <xf numFmtId="9" fontId="7" fillId="2" borderId="15" xfId="0" applyNumberFormat="1" applyFont="1" applyFill="1" applyBorder="1" applyAlignment="1">
      <alignment horizontal="center" vertical="top" wrapText="1"/>
    </xf>
    <xf numFmtId="164" fontId="7" fillId="2" borderId="15" xfId="0" applyNumberFormat="1" applyFont="1" applyFill="1" applyBorder="1" applyAlignment="1">
      <alignment horizontal="center" vertical="top" wrapText="1"/>
    </xf>
    <xf numFmtId="164" fontId="7" fillId="2" borderId="13" xfId="0" applyNumberFormat="1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164" fontId="7" fillId="2" borderId="16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17" xfId="0" applyNumberFormat="1" applyFont="1" applyFill="1" applyBorder="1" applyAlignment="1">
      <alignment horizontal="center" vertical="top" wrapText="1"/>
    </xf>
    <xf numFmtId="0" fontId="2" fillId="0" borderId="18" xfId="0" applyFont="1" applyBorder="1" applyAlignment="1">
      <alignment horizontal="center" vertical="center" wrapText="1"/>
    </xf>
    <xf numFmtId="0" fontId="2" fillId="0" borderId="24" xfId="0" applyFont="1" applyBorder="1" applyAlignment="1">
      <alignment horizontal="center" vertical="center" wrapText="1"/>
    </xf>
    <xf numFmtId="165" fontId="2" fillId="0" borderId="20" xfId="0" applyNumberFormat="1" applyFont="1" applyBorder="1" applyAlignment="1">
      <alignment horizontal="right" vertical="center" wrapText="1"/>
    </xf>
    <xf numFmtId="165" fontId="2" fillId="0" borderId="24" xfId="0" applyNumberFormat="1" applyFont="1" applyBorder="1" applyAlignment="1">
      <alignment horizontal="right" vertical="center" wrapText="1"/>
    </xf>
    <xf numFmtId="165" fontId="2" fillId="0" borderId="25" xfId="0" applyNumberFormat="1" applyFont="1" applyBorder="1" applyAlignment="1">
      <alignment horizontal="right" vertical="center" wrapText="1"/>
    </xf>
    <xf numFmtId="0" fontId="2" fillId="0" borderId="26" xfId="0" applyFont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31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165" fontId="2" fillId="0" borderId="4" xfId="0" applyNumberFormat="1" applyFont="1" applyBorder="1" applyAlignment="1">
      <alignment horizontal="right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2" fillId="0" borderId="30" xfId="0" applyNumberFormat="1" applyFont="1" applyBorder="1" applyAlignment="1">
      <alignment horizontal="center" vertical="center" wrapText="1"/>
    </xf>
    <xf numFmtId="9" fontId="2" fillId="0" borderId="22" xfId="0" applyNumberFormat="1" applyFont="1" applyBorder="1" applyAlignment="1">
      <alignment horizontal="center" vertical="center" wrapText="1"/>
    </xf>
    <xf numFmtId="0" fontId="2" fillId="0" borderId="36" xfId="0" applyFont="1" applyBorder="1" applyAlignment="1">
      <alignment horizontal="center" vertical="center" wrapText="1"/>
    </xf>
    <xf numFmtId="3" fontId="4" fillId="0" borderId="36" xfId="0" applyNumberFormat="1" applyFont="1" applyFill="1" applyBorder="1" applyAlignment="1">
      <alignment horizontal="center" vertical="center" wrapText="1"/>
    </xf>
    <xf numFmtId="165" fontId="2" fillId="0" borderId="0" xfId="0" applyNumberFormat="1" applyFont="1" applyBorder="1" applyAlignment="1">
      <alignment horizontal="right" vertical="center" wrapText="1"/>
    </xf>
    <xf numFmtId="165" fontId="2" fillId="0" borderId="38" xfId="0" applyNumberFormat="1" applyFont="1" applyBorder="1" applyAlignment="1">
      <alignment horizontal="right" vertical="center" wrapText="1"/>
    </xf>
    <xf numFmtId="165" fontId="2" fillId="0" borderId="39" xfId="0" applyNumberFormat="1" applyFont="1" applyBorder="1" applyAlignment="1">
      <alignment horizontal="right" vertical="center" wrapText="1"/>
    </xf>
    <xf numFmtId="165" fontId="2" fillId="0" borderId="43" xfId="0" applyNumberFormat="1" applyFont="1" applyBorder="1" applyAlignment="1">
      <alignment horizontal="right" vertical="center" wrapText="1"/>
    </xf>
    <xf numFmtId="0" fontId="5" fillId="0" borderId="35" xfId="0" applyFont="1" applyFill="1" applyBorder="1" applyAlignment="1">
      <alignment vertical="center"/>
    </xf>
    <xf numFmtId="0" fontId="2" fillId="0" borderId="45" xfId="0" applyFont="1" applyBorder="1" applyAlignment="1">
      <alignment horizontal="center" vertical="center" wrapText="1"/>
    </xf>
    <xf numFmtId="9" fontId="2" fillId="0" borderId="42" xfId="0" applyNumberFormat="1" applyFont="1" applyBorder="1" applyAlignment="1">
      <alignment horizontal="center" wrapText="1"/>
    </xf>
    <xf numFmtId="0" fontId="2" fillId="0" borderId="36" xfId="0" applyFont="1" applyFill="1" applyBorder="1" applyAlignment="1">
      <alignment horizontal="center" vertical="center" wrapText="1"/>
    </xf>
    <xf numFmtId="3" fontId="4" fillId="0" borderId="45" xfId="0" applyNumberFormat="1" applyFont="1" applyFill="1" applyBorder="1" applyAlignment="1">
      <alignment horizontal="center" vertical="center" wrapText="1"/>
    </xf>
    <xf numFmtId="0" fontId="4" fillId="0" borderId="1" xfId="0" applyFont="1" applyBorder="1" applyAlignment="1">
      <alignment horizontal="left" vertical="center" wrapText="1"/>
    </xf>
    <xf numFmtId="0" fontId="4" fillId="0" borderId="40" xfId="0" applyFont="1" applyBorder="1" applyAlignment="1">
      <alignment horizontal="left" vertical="center" wrapText="1"/>
    </xf>
    <xf numFmtId="9" fontId="2" fillId="0" borderId="44" xfId="0" applyNumberFormat="1" applyFont="1" applyBorder="1" applyAlignment="1">
      <alignment horizontal="center" vertical="center" wrapText="1"/>
    </xf>
    <xf numFmtId="9" fontId="2" fillId="0" borderId="28" xfId="0" applyNumberFormat="1" applyFont="1" applyBorder="1" applyAlignment="1">
      <alignment horizontal="center" vertical="center" wrapText="1"/>
    </xf>
    <xf numFmtId="9" fontId="2" fillId="0" borderId="41" xfId="0" applyNumberFormat="1" applyFont="1" applyBorder="1" applyAlignment="1">
      <alignment horizontal="center" vertical="center" wrapText="1"/>
    </xf>
    <xf numFmtId="0" fontId="4" fillId="0" borderId="36" xfId="0" applyFont="1" applyBorder="1" applyAlignment="1">
      <alignment horizontal="left" vertical="center" wrapText="1"/>
    </xf>
    <xf numFmtId="9" fontId="2" fillId="0" borderId="42" xfId="0" applyNumberFormat="1" applyFont="1" applyBorder="1" applyAlignment="1">
      <alignment horizontal="center" vertical="center" wrapText="1"/>
    </xf>
    <xf numFmtId="0" fontId="4" fillId="0" borderId="1" xfId="0" applyFont="1" applyFill="1" applyBorder="1" applyAlignment="1">
      <alignment horizontal="left" vertical="center" wrapText="1"/>
    </xf>
    <xf numFmtId="0" fontId="4" fillId="0" borderId="40" xfId="0" applyFont="1" applyFill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9" fontId="7" fillId="2" borderId="14" xfId="0" applyNumberFormat="1" applyFont="1" applyFill="1" applyBorder="1" applyAlignment="1">
      <alignment horizontal="center" vertical="top" wrapText="1"/>
    </xf>
    <xf numFmtId="9" fontId="7" fillId="2" borderId="16" xfId="0" applyNumberFormat="1" applyFont="1" applyFill="1" applyBorder="1" applyAlignment="1">
      <alignment horizontal="center" vertical="top" wrapText="1"/>
    </xf>
    <xf numFmtId="9" fontId="2" fillId="0" borderId="19" xfId="0" applyNumberFormat="1" applyFont="1" applyBorder="1" applyAlignment="1">
      <alignment horizontal="center" vertical="center" wrapText="1"/>
    </xf>
    <xf numFmtId="9" fontId="2" fillId="0" borderId="25" xfId="0" applyNumberFormat="1" applyFont="1" applyBorder="1" applyAlignment="1">
      <alignment horizontal="center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8" fillId="0" borderId="2" xfId="0" applyFont="1" applyBorder="1" applyAlignment="1">
      <alignment horizontal="center"/>
    </xf>
    <xf numFmtId="0" fontId="2" fillId="0" borderId="27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7" fillId="2" borderId="9" xfId="0" applyFont="1" applyFill="1" applyBorder="1" applyAlignment="1">
      <alignment horizontal="center" vertical="top" wrapText="1"/>
    </xf>
    <xf numFmtId="0" fontId="7" fillId="2" borderId="37" xfId="0" applyFont="1" applyFill="1" applyBorder="1" applyAlignment="1">
      <alignment horizontal="center" vertical="top" wrapText="1"/>
    </xf>
    <xf numFmtId="0" fontId="2" fillId="0" borderId="1" xfId="0" applyFont="1" applyBorder="1" applyAlignment="1">
      <alignment horizontal="left" vertical="center" wrapText="1"/>
    </xf>
    <xf numFmtId="0" fontId="2" fillId="0" borderId="28" xfId="0" applyFont="1" applyBorder="1" applyAlignment="1">
      <alignment horizontal="left" vertical="center" wrapText="1"/>
    </xf>
    <xf numFmtId="0" fontId="2" fillId="0" borderId="29" xfId="0" applyFont="1" applyBorder="1" applyAlignment="1">
      <alignment horizontal="left" vertical="center" wrapText="1"/>
    </xf>
    <xf numFmtId="0" fontId="4" fillId="0" borderId="46" xfId="0" applyFont="1" applyBorder="1" applyAlignment="1">
      <alignment horizontal="left" vertical="center" wrapText="1"/>
    </xf>
    <xf numFmtId="0" fontId="4" fillId="0" borderId="47" xfId="0" applyFont="1" applyBorder="1" applyAlignment="1">
      <alignment horizontal="left" vertical="center" wrapText="1"/>
    </xf>
    <xf numFmtId="0" fontId="4" fillId="0" borderId="32" xfId="0" applyFont="1" applyBorder="1" applyAlignment="1">
      <alignment horizontal="left" vertical="center" wrapText="1"/>
    </xf>
    <xf numFmtId="0" fontId="4" fillId="0" borderId="33" xfId="0" applyFont="1" applyBorder="1" applyAlignment="1">
      <alignment horizontal="left" vertical="center" wrapText="1"/>
    </xf>
    <xf numFmtId="0" fontId="4" fillId="0" borderId="34" xfId="0" applyFont="1" applyBorder="1" applyAlignment="1">
      <alignment horizontal="left" vertical="center" wrapText="1"/>
    </xf>
    <xf numFmtId="14" fontId="6" fillId="0" borderId="0" xfId="0" applyNumberFormat="1" applyFont="1" applyBorder="1" applyAlignment="1">
      <alignment horizontal="left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CCFF"/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V54"/>
  <sheetViews>
    <sheetView showGridLines="0" tabSelected="1" topLeftCell="A16" zoomScaleNormal="100" workbookViewId="0">
      <selection activeCell="M21" sqref="M2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0.7109375" style="1" customWidth="1"/>
    <col min="4" max="4" width="9.7109375" style="4" customWidth="1"/>
    <col min="5" max="5" width="10.7109375" style="4" customWidth="1"/>
    <col min="6" max="6" width="2" style="16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7" customWidth="1"/>
    <col min="15" max="15" width="2" style="17" customWidth="1"/>
    <col min="16" max="16" width="12.42578125" style="18" customWidth="1"/>
    <col min="17" max="17" width="15.7109375" style="19" customWidth="1"/>
    <col min="18" max="19" width="15.7109375" style="16" customWidth="1"/>
    <col min="20" max="20" width="2" style="16" customWidth="1"/>
    <col min="21" max="21" width="15.7109375" style="12" customWidth="1"/>
    <col min="22" max="22" width="15.7109375" style="19" customWidth="1"/>
    <col min="23" max="16384" width="9.140625" style="1"/>
  </cols>
  <sheetData>
    <row r="1" spans="1:22" s="2" customFormat="1" ht="20.100000000000001" customHeight="1" x14ac:dyDescent="0.25">
      <c r="A1" s="81" t="s">
        <v>9</v>
      </c>
      <c r="B1" s="81"/>
      <c r="C1" s="81"/>
      <c r="D1" s="81"/>
      <c r="E1" s="81"/>
      <c r="F1" s="81"/>
      <c r="G1" s="81"/>
      <c r="H1" s="81"/>
      <c r="I1" s="81"/>
      <c r="J1" s="81"/>
      <c r="K1" s="81"/>
      <c r="L1" s="81"/>
      <c r="M1" s="81"/>
      <c r="N1" s="81"/>
      <c r="O1" s="81"/>
      <c r="P1" s="81"/>
      <c r="Q1" s="81"/>
      <c r="R1" s="81"/>
      <c r="S1" s="81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10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x14ac:dyDescent="0.25">
      <c r="A4" s="33" t="s">
        <v>33</v>
      </c>
      <c r="B4" s="33"/>
      <c r="C4" s="33"/>
      <c r="D4" s="33"/>
      <c r="E4" s="33"/>
      <c r="F4" s="33"/>
      <c r="G4" s="3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2" customFormat="1" ht="24.95" customHeight="1" thickBot="1" x14ac:dyDescent="0.3">
      <c r="A5" s="67" t="s">
        <v>35</v>
      </c>
      <c r="B5" s="67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9"/>
      <c r="V5" s="12"/>
    </row>
    <row r="6" spans="1:22" s="8" customFormat="1" ht="48.75" thickBot="1" x14ac:dyDescent="0.3">
      <c r="A6" s="30" t="s">
        <v>11</v>
      </c>
      <c r="B6" s="92" t="s">
        <v>1</v>
      </c>
      <c r="C6" s="93"/>
      <c r="D6" s="31" t="s">
        <v>12</v>
      </c>
      <c r="E6" s="32" t="s">
        <v>13</v>
      </c>
      <c r="F6" s="14"/>
      <c r="G6" s="34" t="s">
        <v>14</v>
      </c>
      <c r="H6" s="35" t="s">
        <v>15</v>
      </c>
      <c r="I6" s="35" t="s">
        <v>16</v>
      </c>
      <c r="J6" s="36" t="s">
        <v>17</v>
      </c>
      <c r="K6" s="36" t="s">
        <v>18</v>
      </c>
      <c r="L6" s="39" t="s">
        <v>19</v>
      </c>
      <c r="M6" s="41" t="s">
        <v>20</v>
      </c>
      <c r="N6" s="82" t="s">
        <v>21</v>
      </c>
      <c r="O6" s="83"/>
      <c r="P6" s="37" t="s">
        <v>22</v>
      </c>
      <c r="Q6" s="42" t="s">
        <v>23</v>
      </c>
      <c r="R6" s="40" t="s">
        <v>24</v>
      </c>
      <c r="S6" s="38" t="s">
        <v>25</v>
      </c>
      <c r="T6" s="14"/>
    </row>
    <row r="7" spans="1:22" s="2" customFormat="1" ht="26.25" customHeight="1" thickBot="1" x14ac:dyDescent="0.3">
      <c r="A7" s="61" t="s">
        <v>2</v>
      </c>
      <c r="B7" s="77" t="s">
        <v>62</v>
      </c>
      <c r="C7" s="77"/>
      <c r="D7" s="61" t="s">
        <v>0</v>
      </c>
      <c r="E7" s="62">
        <v>1</v>
      </c>
      <c r="F7" s="15"/>
      <c r="G7" s="43"/>
      <c r="H7" s="44"/>
      <c r="I7" s="44"/>
      <c r="J7" s="44"/>
      <c r="K7" s="44"/>
      <c r="L7" s="44"/>
      <c r="M7" s="45"/>
      <c r="N7" s="84"/>
      <c r="O7" s="85"/>
      <c r="P7" s="46"/>
      <c r="Q7" s="46"/>
      <c r="R7" s="47"/>
      <c r="S7" s="54"/>
      <c r="T7" s="15"/>
    </row>
    <row r="8" spans="1:22" s="2" customFormat="1" ht="26.25" customHeight="1" thickBot="1" x14ac:dyDescent="0.3">
      <c r="A8" s="61" t="s">
        <v>63</v>
      </c>
      <c r="B8" s="72" t="s">
        <v>64</v>
      </c>
      <c r="C8" s="73"/>
      <c r="D8" s="61" t="s">
        <v>0</v>
      </c>
      <c r="E8" s="62">
        <v>1</v>
      </c>
      <c r="F8" s="15"/>
      <c r="G8" s="56"/>
      <c r="H8" s="56"/>
      <c r="I8" s="56"/>
      <c r="J8" s="56"/>
      <c r="K8" s="56"/>
      <c r="L8" s="56"/>
      <c r="M8" s="63"/>
      <c r="N8" s="75"/>
      <c r="O8" s="75"/>
      <c r="P8" s="63"/>
      <c r="Q8" s="63"/>
      <c r="R8" s="64"/>
      <c r="S8" s="65"/>
      <c r="T8" s="15"/>
    </row>
    <row r="9" spans="1:22" s="2" customFormat="1" ht="26.25" customHeight="1" thickBot="1" x14ac:dyDescent="0.3">
      <c r="A9" s="61" t="s">
        <v>36</v>
      </c>
      <c r="B9" s="72" t="s">
        <v>58</v>
      </c>
      <c r="C9" s="73"/>
      <c r="D9" s="61" t="s">
        <v>0</v>
      </c>
      <c r="E9" s="62">
        <v>1</v>
      </c>
      <c r="F9" s="15"/>
      <c r="G9" s="56"/>
      <c r="H9" s="56"/>
      <c r="I9" s="56"/>
      <c r="J9" s="56"/>
      <c r="K9" s="56"/>
      <c r="L9" s="56"/>
      <c r="M9" s="63"/>
      <c r="N9" s="76"/>
      <c r="O9" s="76"/>
      <c r="P9" s="63"/>
      <c r="Q9" s="63"/>
      <c r="R9" s="64"/>
      <c r="S9" s="65"/>
      <c r="T9" s="15"/>
    </row>
    <row r="10" spans="1:22" s="2" customFormat="1" ht="26.25" customHeight="1" thickBot="1" x14ac:dyDescent="0.3">
      <c r="A10" s="61" t="s">
        <v>40</v>
      </c>
      <c r="B10" s="72" t="s">
        <v>79</v>
      </c>
      <c r="C10" s="73"/>
      <c r="D10" s="61" t="s">
        <v>37</v>
      </c>
      <c r="E10" s="62">
        <v>1</v>
      </c>
      <c r="F10" s="15"/>
      <c r="G10" s="56"/>
      <c r="H10" s="56"/>
      <c r="I10" s="56"/>
      <c r="J10" s="56"/>
      <c r="K10" s="56"/>
      <c r="L10" s="56"/>
      <c r="M10" s="63"/>
      <c r="N10" s="74"/>
      <c r="O10" s="74"/>
      <c r="P10" s="63"/>
      <c r="Q10" s="63"/>
      <c r="R10" s="64"/>
      <c r="S10" s="65"/>
      <c r="T10" s="15"/>
    </row>
    <row r="11" spans="1:22" s="2" customFormat="1" ht="26.25" customHeight="1" thickBot="1" x14ac:dyDescent="0.3">
      <c r="A11" s="61" t="s">
        <v>65</v>
      </c>
      <c r="B11" s="72" t="s">
        <v>66</v>
      </c>
      <c r="C11" s="73"/>
      <c r="D11" s="61" t="s">
        <v>0</v>
      </c>
      <c r="E11" s="62">
        <v>1</v>
      </c>
      <c r="F11" s="15"/>
      <c r="G11" s="56"/>
      <c r="H11" s="56"/>
      <c r="I11" s="56"/>
      <c r="J11" s="56"/>
      <c r="K11" s="56"/>
      <c r="L11" s="56"/>
      <c r="M11" s="63"/>
      <c r="N11" s="74"/>
      <c r="O11" s="74"/>
      <c r="P11" s="63"/>
      <c r="Q11" s="63"/>
      <c r="R11" s="64"/>
      <c r="S11" s="65"/>
      <c r="T11" s="15"/>
    </row>
    <row r="12" spans="1:22" s="2" customFormat="1" ht="26.25" customHeight="1" thickBot="1" x14ac:dyDescent="0.3">
      <c r="A12" s="61" t="s">
        <v>41</v>
      </c>
      <c r="B12" s="72" t="s">
        <v>75</v>
      </c>
      <c r="C12" s="73"/>
      <c r="D12" s="61" t="s">
        <v>0</v>
      </c>
      <c r="E12" s="62">
        <v>1</v>
      </c>
      <c r="F12" s="15"/>
      <c r="G12" s="56"/>
      <c r="H12" s="56"/>
      <c r="I12" s="56"/>
      <c r="J12" s="56"/>
      <c r="K12" s="56"/>
      <c r="L12" s="56"/>
      <c r="M12" s="63"/>
      <c r="N12" s="74"/>
      <c r="O12" s="74"/>
      <c r="P12" s="63"/>
      <c r="Q12" s="63"/>
      <c r="R12" s="64"/>
      <c r="S12" s="65"/>
      <c r="T12" s="15"/>
    </row>
    <row r="13" spans="1:22" s="2" customFormat="1" ht="26.25" customHeight="1" thickBot="1" x14ac:dyDescent="0.3">
      <c r="A13" s="61" t="s">
        <v>43</v>
      </c>
      <c r="B13" s="72" t="s">
        <v>76</v>
      </c>
      <c r="C13" s="73"/>
      <c r="D13" s="61" t="s">
        <v>0</v>
      </c>
      <c r="E13" s="62">
        <v>1</v>
      </c>
      <c r="F13" s="15"/>
      <c r="G13" s="56"/>
      <c r="H13" s="56"/>
      <c r="I13" s="56"/>
      <c r="J13" s="56"/>
      <c r="K13" s="56"/>
      <c r="L13" s="56"/>
      <c r="M13" s="63"/>
      <c r="N13" s="74"/>
      <c r="O13" s="74"/>
      <c r="P13" s="63"/>
      <c r="Q13" s="63"/>
      <c r="R13" s="64"/>
      <c r="S13" s="65"/>
      <c r="T13" s="15"/>
    </row>
    <row r="14" spans="1:22" s="2" customFormat="1" ht="26.25" customHeight="1" thickBot="1" x14ac:dyDescent="0.3">
      <c r="A14" s="61" t="s">
        <v>44</v>
      </c>
      <c r="B14" s="72" t="s">
        <v>77</v>
      </c>
      <c r="C14" s="73"/>
      <c r="D14" s="61" t="s">
        <v>0</v>
      </c>
      <c r="E14" s="62">
        <v>1</v>
      </c>
      <c r="F14" s="15"/>
      <c r="G14" s="56"/>
      <c r="H14" s="56"/>
      <c r="I14" s="56"/>
      <c r="J14" s="56"/>
      <c r="K14" s="56"/>
      <c r="L14" s="56"/>
      <c r="M14" s="63"/>
      <c r="N14" s="74"/>
      <c r="O14" s="74"/>
      <c r="P14" s="63"/>
      <c r="Q14" s="63"/>
      <c r="R14" s="64"/>
      <c r="S14" s="65"/>
      <c r="T14" s="15"/>
    </row>
    <row r="15" spans="1:22" s="2" customFormat="1" ht="33.75" customHeight="1" thickBot="1" x14ac:dyDescent="0.3">
      <c r="A15" s="61" t="s">
        <v>45</v>
      </c>
      <c r="B15" s="72" t="s">
        <v>38</v>
      </c>
      <c r="C15" s="73"/>
      <c r="D15" s="61" t="s">
        <v>0</v>
      </c>
      <c r="E15" s="62">
        <v>1</v>
      </c>
      <c r="F15" s="15"/>
      <c r="G15" s="56"/>
      <c r="H15" s="56"/>
      <c r="I15" s="56"/>
      <c r="J15" s="56"/>
      <c r="K15" s="56"/>
      <c r="L15" s="56"/>
      <c r="M15" s="63"/>
      <c r="N15" s="78"/>
      <c r="O15" s="78"/>
      <c r="P15" s="63"/>
      <c r="Q15" s="63"/>
      <c r="R15" s="64"/>
      <c r="S15" s="65"/>
      <c r="T15" s="15"/>
    </row>
    <row r="16" spans="1:22" s="2" customFormat="1" ht="33.75" customHeight="1" thickBot="1" x14ac:dyDescent="0.3">
      <c r="A16" s="61" t="s">
        <v>46</v>
      </c>
      <c r="B16" s="72" t="s">
        <v>39</v>
      </c>
      <c r="C16" s="73"/>
      <c r="D16" s="61" t="s">
        <v>0</v>
      </c>
      <c r="E16" s="62">
        <v>5</v>
      </c>
      <c r="F16" s="15"/>
      <c r="G16" s="56"/>
      <c r="H16" s="56"/>
      <c r="I16" s="56"/>
      <c r="J16" s="56"/>
      <c r="K16" s="56"/>
      <c r="L16" s="56"/>
      <c r="M16" s="63"/>
      <c r="N16" s="74"/>
      <c r="O16" s="74"/>
      <c r="P16" s="66"/>
      <c r="Q16" s="63"/>
      <c r="R16" s="64"/>
      <c r="S16" s="65"/>
      <c r="T16" s="15"/>
    </row>
    <row r="17" spans="1:20" s="2" customFormat="1" ht="30" customHeight="1" thickBot="1" x14ac:dyDescent="0.3">
      <c r="A17" s="61" t="s">
        <v>48</v>
      </c>
      <c r="B17" s="72" t="s">
        <v>42</v>
      </c>
      <c r="C17" s="73"/>
      <c r="D17" s="61" t="s">
        <v>0</v>
      </c>
      <c r="E17" s="62">
        <v>5</v>
      </c>
      <c r="F17" s="58"/>
      <c r="G17" s="56"/>
      <c r="H17" s="56"/>
      <c r="I17" s="56"/>
      <c r="J17" s="56"/>
      <c r="K17" s="56"/>
      <c r="L17" s="56"/>
      <c r="M17" s="63"/>
      <c r="N17" s="74"/>
      <c r="O17" s="74"/>
      <c r="P17" s="66"/>
      <c r="Q17" s="63"/>
      <c r="R17" s="64"/>
      <c r="S17" s="65"/>
      <c r="T17" s="15"/>
    </row>
    <row r="18" spans="1:20" s="2" customFormat="1" ht="30" customHeight="1" thickBot="1" x14ac:dyDescent="0.3">
      <c r="A18" s="61" t="s">
        <v>49</v>
      </c>
      <c r="B18" s="79" t="s">
        <v>70</v>
      </c>
      <c r="C18" s="80"/>
      <c r="D18" s="70" t="s">
        <v>0</v>
      </c>
      <c r="E18" s="62">
        <v>1</v>
      </c>
      <c r="F18" s="58"/>
      <c r="G18" s="56"/>
      <c r="H18" s="56"/>
      <c r="I18" s="56"/>
      <c r="J18" s="56"/>
      <c r="K18" s="56"/>
      <c r="L18" s="56"/>
      <c r="M18" s="63"/>
      <c r="N18" s="74"/>
      <c r="O18" s="74"/>
      <c r="P18" s="66"/>
      <c r="Q18" s="63"/>
      <c r="R18" s="64"/>
      <c r="S18" s="65"/>
      <c r="T18" s="15"/>
    </row>
    <row r="19" spans="1:20" s="2" customFormat="1" ht="30" customHeight="1" thickBot="1" x14ac:dyDescent="0.3">
      <c r="A19" s="61" t="s">
        <v>52</v>
      </c>
      <c r="B19" s="79" t="s">
        <v>61</v>
      </c>
      <c r="C19" s="80"/>
      <c r="D19" s="70" t="s">
        <v>0</v>
      </c>
      <c r="E19" s="62">
        <v>5</v>
      </c>
      <c r="F19" s="58"/>
      <c r="G19" s="56"/>
      <c r="H19" s="56"/>
      <c r="I19" s="56"/>
      <c r="J19" s="56"/>
      <c r="K19" s="56"/>
      <c r="L19" s="56"/>
      <c r="M19" s="63"/>
      <c r="N19" s="74"/>
      <c r="O19" s="74"/>
      <c r="P19" s="66"/>
      <c r="Q19" s="63"/>
      <c r="R19" s="64"/>
      <c r="S19" s="65"/>
      <c r="T19" s="15"/>
    </row>
    <row r="20" spans="1:20" s="2" customFormat="1" ht="30" customHeight="1" thickBot="1" x14ac:dyDescent="0.3">
      <c r="A20" s="61" t="s">
        <v>53</v>
      </c>
      <c r="B20" s="79" t="s">
        <v>47</v>
      </c>
      <c r="C20" s="80"/>
      <c r="D20" s="70" t="s">
        <v>0</v>
      </c>
      <c r="E20" s="62">
        <v>5</v>
      </c>
      <c r="F20" s="58"/>
      <c r="G20" s="56"/>
      <c r="H20" s="56"/>
      <c r="I20" s="56"/>
      <c r="J20" s="56"/>
      <c r="K20" s="56"/>
      <c r="L20" s="56"/>
      <c r="M20" s="63"/>
      <c r="N20" s="74"/>
      <c r="O20" s="74"/>
      <c r="P20" s="66"/>
      <c r="Q20" s="63"/>
      <c r="R20" s="64"/>
      <c r="S20" s="65"/>
      <c r="T20" s="15"/>
    </row>
    <row r="21" spans="1:20" s="2" customFormat="1" ht="46.5" customHeight="1" thickBot="1" x14ac:dyDescent="0.3">
      <c r="A21" s="61" t="s">
        <v>59</v>
      </c>
      <c r="B21" s="72" t="s">
        <v>57</v>
      </c>
      <c r="C21" s="73"/>
      <c r="D21" s="61" t="s">
        <v>0</v>
      </c>
      <c r="E21" s="62">
        <v>1</v>
      </c>
      <c r="F21" s="58"/>
      <c r="G21" s="56"/>
      <c r="H21" s="56"/>
      <c r="I21" s="56"/>
      <c r="J21" s="56"/>
      <c r="K21" s="56"/>
      <c r="L21" s="56"/>
      <c r="M21" s="63"/>
      <c r="N21" s="74"/>
      <c r="O21" s="74"/>
      <c r="P21" s="66"/>
      <c r="Q21" s="63"/>
      <c r="R21" s="64"/>
      <c r="S21" s="65"/>
      <c r="T21" s="15"/>
    </row>
    <row r="22" spans="1:20" s="2" customFormat="1" ht="34.5" customHeight="1" thickBot="1" x14ac:dyDescent="0.3">
      <c r="A22" s="61" t="s">
        <v>60</v>
      </c>
      <c r="B22" s="72" t="s">
        <v>71</v>
      </c>
      <c r="C22" s="73"/>
      <c r="D22" s="61" t="s">
        <v>0</v>
      </c>
      <c r="E22" s="62">
        <v>2</v>
      </c>
      <c r="F22" s="58"/>
      <c r="G22" s="56"/>
      <c r="H22" s="56"/>
      <c r="I22" s="56"/>
      <c r="J22" s="56"/>
      <c r="K22" s="56"/>
      <c r="L22" s="56"/>
      <c r="M22" s="63"/>
      <c r="N22" s="74"/>
      <c r="O22" s="74"/>
      <c r="P22" s="66"/>
      <c r="Q22" s="63"/>
      <c r="R22" s="64"/>
      <c r="S22" s="65"/>
      <c r="T22" s="15"/>
    </row>
    <row r="23" spans="1:20" s="2" customFormat="1" ht="29.25" customHeight="1" thickBot="1" x14ac:dyDescent="0.3">
      <c r="A23" s="61" t="s">
        <v>67</v>
      </c>
      <c r="B23" s="72" t="s">
        <v>54</v>
      </c>
      <c r="C23" s="73"/>
      <c r="D23" s="61" t="s">
        <v>0</v>
      </c>
      <c r="E23" s="62">
        <v>1</v>
      </c>
      <c r="F23" s="58"/>
      <c r="G23" s="56"/>
      <c r="H23" s="56"/>
      <c r="I23" s="56"/>
      <c r="J23" s="56"/>
      <c r="K23" s="56"/>
      <c r="L23" s="56"/>
      <c r="M23" s="63"/>
      <c r="N23" s="74"/>
      <c r="O23" s="74"/>
      <c r="P23" s="66"/>
      <c r="Q23" s="63"/>
      <c r="R23" s="64"/>
      <c r="S23" s="65"/>
      <c r="T23" s="15"/>
    </row>
    <row r="24" spans="1:20" s="2" customFormat="1" ht="26.25" customHeight="1" thickBot="1" x14ac:dyDescent="0.3">
      <c r="A24" s="61" t="s">
        <v>72</v>
      </c>
      <c r="B24" s="72" t="s">
        <v>51</v>
      </c>
      <c r="C24" s="73"/>
      <c r="D24" s="61" t="s">
        <v>50</v>
      </c>
      <c r="E24" s="62">
        <v>10</v>
      </c>
      <c r="F24" s="58"/>
      <c r="G24" s="56"/>
      <c r="H24" s="56"/>
      <c r="I24" s="56"/>
      <c r="J24" s="56"/>
      <c r="K24" s="56"/>
      <c r="L24" s="56"/>
      <c r="M24" s="63"/>
      <c r="N24" s="74"/>
      <c r="O24" s="74"/>
      <c r="P24" s="66"/>
      <c r="Q24" s="63"/>
      <c r="R24" s="64"/>
      <c r="S24" s="65"/>
      <c r="T24" s="15"/>
    </row>
    <row r="25" spans="1:20" s="2" customFormat="1" ht="26.25" customHeight="1" x14ac:dyDescent="0.25">
      <c r="A25" s="68" t="s">
        <v>73</v>
      </c>
      <c r="B25" s="97" t="s">
        <v>55</v>
      </c>
      <c r="C25" s="98"/>
      <c r="D25" s="68" t="s">
        <v>0</v>
      </c>
      <c r="E25" s="71">
        <v>10</v>
      </c>
      <c r="F25" s="58"/>
      <c r="G25" s="56"/>
      <c r="H25" s="56"/>
      <c r="I25" s="56"/>
      <c r="J25" s="56"/>
      <c r="K25" s="56"/>
      <c r="L25" s="56"/>
      <c r="M25" s="63"/>
      <c r="N25" s="74"/>
      <c r="O25" s="74"/>
      <c r="P25" s="66"/>
      <c r="Q25" s="63"/>
      <c r="R25" s="64"/>
      <c r="S25" s="65"/>
      <c r="T25" s="15"/>
    </row>
    <row r="26" spans="1:20" s="2" customFormat="1" ht="26.25" customHeight="1" x14ac:dyDescent="0.25">
      <c r="A26" s="61" t="s">
        <v>74</v>
      </c>
      <c r="B26" s="77" t="s">
        <v>56</v>
      </c>
      <c r="C26" s="77"/>
      <c r="D26" s="61" t="s">
        <v>0</v>
      </c>
      <c r="E26" s="62">
        <v>2</v>
      </c>
      <c r="F26" s="58"/>
      <c r="G26" s="56"/>
      <c r="H26" s="56"/>
      <c r="I26" s="56"/>
      <c r="J26" s="56"/>
      <c r="K26" s="56"/>
      <c r="L26" s="56"/>
      <c r="M26" s="63"/>
      <c r="N26" s="78"/>
      <c r="O26" s="78"/>
      <c r="P26" s="63"/>
      <c r="Q26" s="63"/>
      <c r="R26" s="63"/>
      <c r="S26" s="63"/>
      <c r="T26" s="15"/>
    </row>
    <row r="27" spans="1:20" s="2" customFormat="1" ht="27.75" customHeight="1" x14ac:dyDescent="0.25">
      <c r="A27" s="61" t="s">
        <v>78</v>
      </c>
      <c r="B27" s="77" t="s">
        <v>68</v>
      </c>
      <c r="C27" s="77"/>
      <c r="D27" s="61" t="s">
        <v>0</v>
      </c>
      <c r="E27" s="62">
        <v>1</v>
      </c>
      <c r="F27" s="58"/>
      <c r="G27" s="56"/>
      <c r="H27" s="56"/>
      <c r="I27" s="56"/>
      <c r="J27" s="56"/>
      <c r="K27" s="56"/>
      <c r="L27" s="56"/>
      <c r="M27" s="63"/>
      <c r="N27" s="78"/>
      <c r="O27" s="78"/>
      <c r="P27" s="63"/>
      <c r="Q27" s="63"/>
      <c r="R27" s="63"/>
      <c r="S27" s="63"/>
      <c r="T27" s="15"/>
    </row>
    <row r="28" spans="1:20" x14ac:dyDescent="0.2">
      <c r="O28" s="69"/>
    </row>
    <row r="29" spans="1:20" ht="16.5" customHeight="1" thickBot="1" x14ac:dyDescent="0.25">
      <c r="A29" s="55" t="s">
        <v>26</v>
      </c>
      <c r="B29" s="20"/>
      <c r="C29" s="21"/>
      <c r="D29" s="1"/>
      <c r="E29" s="22"/>
      <c r="F29" s="22"/>
      <c r="G29" s="23"/>
      <c r="H29" s="22"/>
      <c r="R29" s="22"/>
      <c r="S29" s="22"/>
      <c r="T29" s="22"/>
    </row>
    <row r="30" spans="1:20" ht="30" customHeight="1" x14ac:dyDescent="0.2">
      <c r="A30" s="48">
        <v>1</v>
      </c>
      <c r="B30" s="89" t="s">
        <v>69</v>
      </c>
      <c r="C30" s="90"/>
      <c r="D30" s="90"/>
      <c r="E30" s="91"/>
      <c r="F30" s="24"/>
      <c r="G30" s="43"/>
      <c r="H30" s="49" t="s">
        <v>29</v>
      </c>
      <c r="R30" s="24"/>
      <c r="S30" s="24"/>
      <c r="T30" s="24"/>
    </row>
    <row r="31" spans="1:20" ht="30" customHeight="1" x14ac:dyDescent="0.2">
      <c r="A31" s="50">
        <v>2</v>
      </c>
      <c r="B31" s="94" t="s">
        <v>30</v>
      </c>
      <c r="C31" s="95"/>
      <c r="D31" s="95"/>
      <c r="E31" s="96"/>
      <c r="F31" s="24"/>
      <c r="G31" s="59"/>
      <c r="H31" s="51" t="s">
        <v>31</v>
      </c>
      <c r="J31" s="1"/>
      <c r="K31" s="1"/>
      <c r="L31" s="1"/>
      <c r="M31" s="1"/>
      <c r="S31" s="24"/>
    </row>
    <row r="32" spans="1:20" ht="73.5" customHeight="1" thickBot="1" x14ac:dyDescent="0.25">
      <c r="A32" s="52">
        <v>3</v>
      </c>
      <c r="B32" s="99" t="s">
        <v>34</v>
      </c>
      <c r="C32" s="100"/>
      <c r="D32" s="100"/>
      <c r="E32" s="101"/>
      <c r="F32" s="24"/>
      <c r="G32" s="60"/>
      <c r="H32" s="53" t="s">
        <v>32</v>
      </c>
      <c r="J32" s="1"/>
      <c r="K32" s="1"/>
      <c r="L32" s="1"/>
      <c r="M32" s="1"/>
      <c r="S32" s="22"/>
    </row>
    <row r="33" spans="3:22" x14ac:dyDescent="0.2">
      <c r="C33" s="57"/>
      <c r="F33" s="1"/>
      <c r="G33" s="1"/>
      <c r="H33" s="1"/>
      <c r="J33" s="1"/>
      <c r="K33" s="1"/>
      <c r="L33" s="1"/>
      <c r="M33" s="1"/>
      <c r="S33" s="22"/>
    </row>
    <row r="34" spans="3:22" ht="30" customHeight="1" x14ac:dyDescent="0.2">
      <c r="F34" s="1"/>
      <c r="G34" s="1"/>
      <c r="H34" s="1"/>
      <c r="S34" s="24"/>
    </row>
    <row r="35" spans="3:22" ht="30" customHeight="1" x14ac:dyDescent="0.2">
      <c r="F35" s="1"/>
      <c r="G35" s="1"/>
      <c r="H35" s="1"/>
      <c r="I35" s="27" t="s">
        <v>28</v>
      </c>
      <c r="J35" s="86"/>
      <c r="K35" s="86"/>
      <c r="L35" s="86"/>
      <c r="S35" s="24"/>
    </row>
    <row r="36" spans="3:22" ht="30" customHeight="1" x14ac:dyDescent="0.25">
      <c r="F36" s="1"/>
      <c r="G36" s="1"/>
      <c r="H36" s="1"/>
      <c r="I36" s="27" t="s">
        <v>27</v>
      </c>
      <c r="J36" s="87"/>
      <c r="K36" s="87"/>
      <c r="L36" s="87"/>
      <c r="P36" s="26" t="s">
        <v>4</v>
      </c>
      <c r="Q36" s="88"/>
      <c r="R36" s="88"/>
      <c r="S36" s="24"/>
    </row>
    <row r="37" spans="3:22" ht="13.5" customHeight="1" x14ac:dyDescent="0.2">
      <c r="F37" s="1"/>
      <c r="G37" s="1"/>
      <c r="H37" s="1"/>
      <c r="P37" s="27" t="s">
        <v>6</v>
      </c>
      <c r="Q37" s="86"/>
      <c r="R37" s="86"/>
      <c r="S37" s="1"/>
      <c r="T37" s="1"/>
    </row>
    <row r="38" spans="3:22" ht="13.5" customHeight="1" x14ac:dyDescent="0.2">
      <c r="F38" s="1"/>
      <c r="G38" s="1"/>
      <c r="H38" s="1"/>
      <c r="I38" s="1"/>
      <c r="J38" s="1"/>
      <c r="K38" s="1"/>
      <c r="L38" s="1"/>
      <c r="M38" s="1"/>
      <c r="N38" s="1"/>
      <c r="O38" s="1"/>
      <c r="P38" s="27" t="s">
        <v>7</v>
      </c>
      <c r="Q38" s="87"/>
      <c r="R38" s="87"/>
      <c r="S38" s="1"/>
      <c r="T38" s="1"/>
      <c r="U38" s="1"/>
      <c r="V38" s="1"/>
    </row>
    <row r="39" spans="3:22" ht="13.5" customHeight="1" x14ac:dyDescent="0.2">
      <c r="F39" s="1"/>
      <c r="G39" s="1"/>
      <c r="H39" s="1"/>
      <c r="I39" s="1"/>
      <c r="J39" s="27" t="s">
        <v>3</v>
      </c>
      <c r="K39" s="87"/>
      <c r="L39" s="87"/>
      <c r="M39" s="1"/>
      <c r="N39" s="1"/>
      <c r="O39" s="1"/>
      <c r="P39" s="28" t="s">
        <v>8</v>
      </c>
      <c r="Q39" s="1"/>
      <c r="R39" s="2"/>
      <c r="S39" s="1"/>
      <c r="T39" s="1"/>
      <c r="U39" s="1"/>
      <c r="V39" s="1"/>
    </row>
    <row r="40" spans="3:22" ht="24.95" customHeight="1" x14ac:dyDescent="0.2">
      <c r="D40" s="1"/>
      <c r="E40" s="1"/>
      <c r="F40" s="1"/>
      <c r="G40" s="1"/>
      <c r="H40" s="1"/>
      <c r="I40" s="1"/>
      <c r="J40" s="27" t="s">
        <v>5</v>
      </c>
      <c r="K40" s="102"/>
      <c r="L40" s="102"/>
      <c r="M40" s="1"/>
      <c r="N40" s="1"/>
      <c r="O40" s="1"/>
      <c r="P40" s="1"/>
      <c r="Q40" s="1"/>
      <c r="R40" s="1"/>
      <c r="S40" s="1"/>
      <c r="T40" s="1"/>
      <c r="U40" s="1"/>
      <c r="V40" s="1"/>
    </row>
    <row r="41" spans="3:22" s="6" customFormat="1" ht="20.100000000000001" customHeight="1" x14ac:dyDescent="0.2">
      <c r="C41" s="1"/>
    </row>
    <row r="42" spans="3:22" s="6" customFormat="1" ht="20.100000000000001" customHeight="1" x14ac:dyDescent="0.25"/>
    <row r="43" spans="3:22" ht="5.25" customHeight="1" x14ac:dyDescent="0.2">
      <c r="C43" s="6"/>
      <c r="H43" s="1"/>
      <c r="I43" s="1"/>
      <c r="J43" s="1"/>
      <c r="K43" s="1"/>
      <c r="L43" s="1"/>
      <c r="M43" s="1"/>
      <c r="N43" s="1"/>
      <c r="O43" s="1"/>
    </row>
    <row r="44" spans="3:22" ht="20.100000000000001" customHeight="1" x14ac:dyDescent="0.2">
      <c r="H44" s="1"/>
      <c r="I44" s="1"/>
      <c r="J44" s="1"/>
      <c r="K44" s="1"/>
      <c r="L44" s="1"/>
      <c r="M44" s="1"/>
      <c r="N44" s="1"/>
      <c r="O44" s="1"/>
    </row>
    <row r="45" spans="3:22" ht="20.100000000000001" customHeight="1" x14ac:dyDescent="0.2">
      <c r="E45" s="1"/>
      <c r="F45" s="1"/>
      <c r="G45" s="1"/>
      <c r="J45" s="1"/>
      <c r="K45" s="1"/>
      <c r="L45" s="1"/>
      <c r="M45" s="1"/>
      <c r="N45" s="1"/>
      <c r="O45" s="1"/>
      <c r="S45" s="1"/>
      <c r="T45" s="1"/>
    </row>
    <row r="46" spans="3:22" x14ac:dyDescent="0.2">
      <c r="E46" s="1"/>
      <c r="F46" s="1"/>
      <c r="G46" s="1"/>
      <c r="J46" s="1"/>
      <c r="K46" s="1"/>
      <c r="L46" s="1"/>
      <c r="M46" s="1"/>
      <c r="N46" s="1"/>
      <c r="O46" s="1"/>
      <c r="S46" s="1"/>
      <c r="T46" s="1"/>
    </row>
    <row r="47" spans="3:22" x14ac:dyDescent="0.2">
      <c r="E47" s="1"/>
      <c r="F47" s="1"/>
      <c r="G47" s="1"/>
      <c r="J47" s="1"/>
      <c r="K47" s="1"/>
      <c r="L47" s="1"/>
      <c r="M47" s="1"/>
      <c r="N47" s="1"/>
      <c r="O47" s="1"/>
      <c r="P47" s="1"/>
      <c r="R47" s="1"/>
      <c r="S47" s="1"/>
      <c r="T47" s="1"/>
    </row>
    <row r="48" spans="3:22" x14ac:dyDescent="0.2">
      <c r="J48" s="1"/>
      <c r="K48" s="1"/>
      <c r="L48" s="1"/>
    </row>
    <row r="49" spans="7:12" x14ac:dyDescent="0.2">
      <c r="J49" s="1"/>
      <c r="K49" s="1"/>
      <c r="L49" s="1"/>
    </row>
    <row r="50" spans="7:12" x14ac:dyDescent="0.2">
      <c r="G50" s="25"/>
      <c r="H50" s="25"/>
    </row>
    <row r="51" spans="7:12" x14ac:dyDescent="0.2">
      <c r="G51" s="29"/>
      <c r="H51" s="29"/>
    </row>
    <row r="52" spans="7:12" x14ac:dyDescent="0.2">
      <c r="G52" s="29"/>
      <c r="H52" s="29"/>
    </row>
    <row r="53" spans="7:12" x14ac:dyDescent="0.2">
      <c r="G53" s="29"/>
      <c r="H53" s="29"/>
    </row>
    <row r="54" spans="7:12" x14ac:dyDescent="0.2">
      <c r="G54" s="29"/>
      <c r="H54" s="29"/>
    </row>
  </sheetData>
  <mergeCells count="55">
    <mergeCell ref="N15:O15"/>
    <mergeCell ref="K40:L40"/>
    <mergeCell ref="K39:L39"/>
    <mergeCell ref="J35:L35"/>
    <mergeCell ref="J36:L36"/>
    <mergeCell ref="N16:O16"/>
    <mergeCell ref="N17:O17"/>
    <mergeCell ref="N25:O25"/>
    <mergeCell ref="N24:O24"/>
    <mergeCell ref="N21:O21"/>
    <mergeCell ref="N18:O18"/>
    <mergeCell ref="N19:O19"/>
    <mergeCell ref="N20:O20"/>
    <mergeCell ref="N22:O22"/>
    <mergeCell ref="A1:S1"/>
    <mergeCell ref="N6:O6"/>
    <mergeCell ref="N7:O7"/>
    <mergeCell ref="Q37:R37"/>
    <mergeCell ref="Q38:R38"/>
    <mergeCell ref="Q36:R36"/>
    <mergeCell ref="B30:E30"/>
    <mergeCell ref="B6:C6"/>
    <mergeCell ref="B17:C17"/>
    <mergeCell ref="B7:C7"/>
    <mergeCell ref="B31:E31"/>
    <mergeCell ref="B25:C25"/>
    <mergeCell ref="B9:C9"/>
    <mergeCell ref="B15:C15"/>
    <mergeCell ref="B16:C16"/>
    <mergeCell ref="B32:E32"/>
    <mergeCell ref="B18:C18"/>
    <mergeCell ref="B19:C19"/>
    <mergeCell ref="B20:C20"/>
    <mergeCell ref="B21:C21"/>
    <mergeCell ref="B22:C22"/>
    <mergeCell ref="B26:C26"/>
    <mergeCell ref="B27:C27"/>
    <mergeCell ref="N23:O23"/>
    <mergeCell ref="N26:O26"/>
    <mergeCell ref="N27:O27"/>
    <mergeCell ref="B24:C24"/>
    <mergeCell ref="B23:C23"/>
    <mergeCell ref="B8:C8"/>
    <mergeCell ref="B11:C11"/>
    <mergeCell ref="N8:O8"/>
    <mergeCell ref="N11:O11"/>
    <mergeCell ref="N10:O10"/>
    <mergeCell ref="N9:O9"/>
    <mergeCell ref="B10:C10"/>
    <mergeCell ref="B12:C12"/>
    <mergeCell ref="B13:C13"/>
    <mergeCell ref="N12:O12"/>
    <mergeCell ref="N13:O13"/>
    <mergeCell ref="B14:C14"/>
    <mergeCell ref="N14:O14"/>
  </mergeCells>
  <conditionalFormatting sqref="Q37:R37 G32 P7:S27 N9:N27 G7:M27">
    <cfRule type="containsBlanks" dxfId="8" priority="114">
      <formula>LEN(TRIM(G7))=0</formula>
    </cfRule>
  </conditionalFormatting>
  <conditionalFormatting sqref="Q38:R38">
    <cfRule type="containsBlanks" dxfId="7" priority="113">
      <formula>LEN(TRIM(Q38))=0</formula>
    </cfRule>
  </conditionalFormatting>
  <conditionalFormatting sqref="N7:O7 N8">
    <cfRule type="containsBlanks" dxfId="6" priority="99">
      <formula>LEN(TRIM(N7))=0</formula>
    </cfRule>
  </conditionalFormatting>
  <conditionalFormatting sqref="G30">
    <cfRule type="containsBlanks" dxfId="5" priority="87">
      <formula>LEN(TRIM(G30))=0</formula>
    </cfRule>
  </conditionalFormatting>
  <conditionalFormatting sqref="J35:L35">
    <cfRule type="containsBlanks" dxfId="4" priority="115">
      <formula>LEN(TRIM(J35))=0</formula>
    </cfRule>
  </conditionalFormatting>
  <conditionalFormatting sqref="K39:L39">
    <cfRule type="containsBlanks" dxfId="3" priority="82">
      <formula>LEN(TRIM(K39))=0</formula>
    </cfRule>
  </conditionalFormatting>
  <conditionalFormatting sqref="K40:L40">
    <cfRule type="containsBlanks" dxfId="2" priority="81">
      <formula>LEN(TRIM(K40))=0</formula>
    </cfRule>
  </conditionalFormatting>
  <conditionalFormatting sqref="J36:L36">
    <cfRule type="containsBlanks" dxfId="1" priority="80">
      <formula>LEN(TRIM(J36))=0</formula>
    </cfRule>
  </conditionalFormatting>
  <conditionalFormatting sqref="G31">
    <cfRule type="containsBlanks" dxfId="0" priority="13">
      <formula>LEN(TRIM(G31))=0</formula>
    </cfRule>
  </conditionalFormatting>
  <pageMargins left="0.70866141732283472" right="0.70866141732283472" top="0.98124999999999996" bottom="0.74803149606299213" header="0.31496062992125984" footer="0.31496062992125984"/>
  <pageSetup paperSize="9" scale="58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1_kalkulácia ceny</vt:lpstr>
      <vt:lpstr>'Príloha č.1_kalkulácia ceny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Katarína Kupcová</cp:lastModifiedBy>
  <cp:lastPrinted>2022-01-21T15:51:43Z</cp:lastPrinted>
  <dcterms:created xsi:type="dcterms:W3CDTF">2017-04-21T05:51:15Z</dcterms:created>
  <dcterms:modified xsi:type="dcterms:W3CDTF">2022-05-06T05:34:20Z</dcterms:modified>
</cp:coreProperties>
</file>